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34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eusd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62FAFFC3-A0AD-BAB7-8D5A-9389B9485A4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1475" y="4424253"/>
            <a:ext cx="2771776" cy="223959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schermopname, logo&#10;&#10;Automatisch gegenereerde beschrijving">
            <a:extLst>
              <a:ext uri="{FF2B5EF4-FFF2-40B4-BE49-F238E27FC236}">
                <a16:creationId xmlns:a16="http://schemas.microsoft.com/office/drawing/2014/main" id="{0FAB6905-7F08-66CC-CDAD-F678E454649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5901" y="3847786"/>
            <a:ext cx="1809664"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18T11:31:36Z</dcterms:modified>
</cp:coreProperties>
</file>